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73" d="100"/>
          <a:sy n="73" d="100"/>
        </p:scale>
        <p:origin x="1843" y="67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8/1/2022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3111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71855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0" y="5039957"/>
            <a:ext cx="4436083" cy="1602036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436084" cy="1561241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59105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566739867"/>
              </p:ext>
            </p:extLst>
          </p:nvPr>
        </p:nvGraphicFramePr>
        <p:xfrm>
          <a:off x="795528" y="5289344"/>
          <a:ext cx="4279392" cy="1311856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63982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63982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63982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63982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63982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63982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63982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63982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EAAB8E88-6480-430B-A1DB-71672C05C27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005492422"/>
              </p:ext>
            </p:extLst>
          </p:nvPr>
        </p:nvGraphicFramePr>
        <p:xfrm>
          <a:off x="5537554" y="5255514"/>
          <a:ext cx="4377601" cy="1432560"/>
        </p:xfrm>
        <a:graphic>
          <a:graphicData uri="http://schemas.openxmlformats.org/drawingml/2006/table">
            <a:tbl>
              <a:tblPr firstRow="1" lastRow="1"/>
              <a:tblGrid>
                <a:gridCol w="2739058">
                  <a:extLst>
                    <a:ext uri="{9D8B030D-6E8A-4147-A177-3AD203B41FA5}">
                      <a16:colId xmlns:a16="http://schemas.microsoft.com/office/drawing/2014/main" val="1793042117"/>
                    </a:ext>
                  </a:extLst>
                </a:gridCol>
                <a:gridCol w="966007">
                  <a:extLst>
                    <a:ext uri="{9D8B030D-6E8A-4147-A177-3AD203B41FA5}">
                      <a16:colId xmlns:a16="http://schemas.microsoft.com/office/drawing/2014/main" val="153872175"/>
                    </a:ext>
                  </a:extLst>
                </a:gridCol>
                <a:gridCol w="672536">
                  <a:extLst>
                    <a:ext uri="{9D8B030D-6E8A-4147-A177-3AD203B41FA5}">
                      <a16:colId xmlns:a16="http://schemas.microsoft.com/office/drawing/2014/main" val="2095365208"/>
                    </a:ext>
                  </a:extLst>
                </a:gridCol>
              </a:tblGrid>
              <a:tr h="91110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Value Based on 8.5% WACC &amp; 0.5% TG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mount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% of 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256792520"/>
                  </a:ext>
                </a:extLst>
              </a:tr>
              <a:tr h="91110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Present Value of Cash flow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 dirty="0">
                          <a:effectLst/>
                        </a:rPr>
                        <a:t>345 </a:t>
                      </a:r>
                      <a:endParaRPr lang="en-GB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>
                          <a:effectLst/>
                        </a:rPr>
                        <a:t>46.7% </a:t>
                      </a:r>
                      <a:endParaRPr lang="en-GB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81261251"/>
                  </a:ext>
                </a:extLst>
              </a:tr>
              <a:tr h="91110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PV of Terminal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>
                          <a:effectLst/>
                        </a:rPr>
                        <a:t>394 </a:t>
                      </a:r>
                      <a:endParaRPr lang="en-GB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 dirty="0">
                          <a:effectLst/>
                        </a:rPr>
                        <a:t>53.3% </a:t>
                      </a:r>
                      <a:endParaRPr lang="en-GB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801331924"/>
                  </a:ext>
                </a:extLst>
              </a:tr>
              <a:tr h="91110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mplied Firm NPV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>
                          <a:effectLst/>
                        </a:rPr>
                        <a:t>738 </a:t>
                      </a:r>
                      <a:endParaRPr lang="en-GB" sz="8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 dirty="0">
                          <a:effectLst/>
                        </a:rPr>
                        <a:t>100.0% </a:t>
                      </a:r>
                      <a:endParaRPr lang="en-GB" sz="8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5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3816240"/>
                  </a:ext>
                </a:extLst>
              </a:tr>
              <a:tr h="204997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Net debt as of Mar-20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 dirty="0">
                          <a:effectLst/>
                        </a:rPr>
                        <a:t>(85)</a:t>
                      </a:r>
                      <a:endParaRPr lang="en-GB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GB" sz="1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6812541"/>
                  </a:ext>
                </a:extLst>
              </a:tr>
              <a:tr h="91110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mplied equity value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>
                          <a:effectLst/>
                        </a:rPr>
                        <a:t>654 </a:t>
                      </a:r>
                      <a:endParaRPr lang="en-GB" sz="8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5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 dirty="0">
                          <a:effectLst/>
                        </a:rPr>
                        <a:t> </a:t>
                      </a:r>
                      <a:endParaRPr lang="en-GB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5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12108616"/>
                  </a:ext>
                </a:extLst>
              </a:tr>
              <a:tr h="204997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mplied offer share price (c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 dirty="0">
                          <a:effectLst/>
                        </a:rPr>
                        <a:t>329 </a:t>
                      </a:r>
                      <a:endParaRPr lang="en-GB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GB" sz="1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06907998"/>
                  </a:ext>
                </a:extLst>
              </a:tr>
              <a:tr h="204997">
                <a:tc>
                  <a:txBody>
                    <a:bodyPr/>
                    <a:lstStyle/>
                    <a:p>
                      <a:pPr algn="l" rtl="0" fontAlgn="ctr"/>
                      <a:r>
                        <a:rPr lang="en-GB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% premium to current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GB" sz="800" u="none" strike="noStrike">
                          <a:effectLst/>
                        </a:rPr>
                        <a:t>99.1% </a:t>
                      </a:r>
                      <a:endParaRPr lang="en-GB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GB" sz="1800" u="none" strike="noStrike" dirty="0">
                          <a:effectLst/>
                        </a:rPr>
                        <a:t> </a:t>
                      </a:r>
                      <a:endParaRPr lang="en-GB" sz="1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35301768"/>
                  </a:ext>
                </a:extLst>
              </a:tr>
            </a:tbl>
          </a:graphicData>
        </a:graphic>
      </p:graphicFrame>
      <p:sp>
        <p:nvSpPr>
          <p:cNvPr id="8" name="TextBox 7">
            <a:extLst>
              <a:ext uri="{FF2B5EF4-FFF2-40B4-BE49-F238E27FC236}">
                <a16:creationId xmlns:a16="http://schemas.microsoft.com/office/drawing/2014/main" id="{CAA1FE4C-54D2-4787-A10B-18EEBBF98BAB}"/>
              </a:ext>
            </a:extLst>
          </p:cNvPr>
          <p:cNvSpPr txBox="1"/>
          <p:nvPr/>
        </p:nvSpPr>
        <p:spPr>
          <a:xfrm>
            <a:off x="795528" y="1702676"/>
            <a:ext cx="9119627" cy="3123612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GB" sz="1200" b="0" i="0" dirty="0">
                <a:solidFill>
                  <a:schemeClr val="tx2"/>
                </a:solidFill>
                <a:latin typeface="Arial"/>
              </a:rPr>
              <a:t>Dear Management Team,</a:t>
            </a:r>
          </a:p>
          <a:p>
            <a:pPr algn="l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r>
              <a:rPr lang="en-GB" sz="1200" b="0" i="0" dirty="0">
                <a:solidFill>
                  <a:schemeClr val="tx2"/>
                </a:solidFill>
                <a:latin typeface="Arial"/>
              </a:rPr>
              <a:t>The financial impact of supply chain interruption:</a:t>
            </a:r>
          </a:p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sz="1200" dirty="0">
                <a:solidFill>
                  <a:schemeClr val="tx2"/>
                </a:solidFill>
                <a:latin typeface="Arial"/>
              </a:rPr>
              <a:t>In the short term, there was minimal financial impact as there was a small effect on the financial projections after FY21. As such, there is not a strong reason to significantly lower your bid nor is it indicative of future financial hardship.</a:t>
            </a:r>
          </a:p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sz="1200" b="0" i="0" dirty="0">
                <a:solidFill>
                  <a:schemeClr val="tx2"/>
                </a:solidFill>
                <a:latin typeface="Arial"/>
              </a:rPr>
              <a:t>Not a material issue in the long term due to the intangible value of this investment as well as the long-term nature of it.</a:t>
            </a:r>
          </a:p>
          <a:p>
            <a:pPr algn="l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r>
              <a:rPr lang="en-GB" sz="1200" b="0" i="0" dirty="0">
                <a:solidFill>
                  <a:schemeClr val="tx2"/>
                </a:solidFill>
                <a:latin typeface="Arial"/>
              </a:rPr>
              <a:t>Effects on Bidding Dynamics:</a:t>
            </a:r>
          </a:p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sz="1200" dirty="0">
                <a:solidFill>
                  <a:schemeClr val="tx2"/>
                </a:solidFill>
                <a:latin typeface="Arial"/>
              </a:rPr>
              <a:t>The New York and Hong Kong Times information is credible and due to many other firms looking for expansion opportunities, I expect that there will be a highly competitive bidding environment.</a:t>
            </a:r>
            <a:endParaRPr lang="en-GB" sz="1200" b="0" i="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r>
              <a:rPr lang="en-GB" sz="1200" dirty="0">
                <a:solidFill>
                  <a:schemeClr val="tx2"/>
                </a:solidFill>
                <a:latin typeface="Arial"/>
              </a:rPr>
              <a:t>Adjustments made to valuation:</a:t>
            </a:r>
          </a:p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sz="1200" b="0" i="0" dirty="0">
                <a:solidFill>
                  <a:schemeClr val="tx2"/>
                </a:solidFill>
                <a:latin typeface="Arial"/>
              </a:rPr>
              <a:t>FY21 Revenue dropped 4.5% to </a:t>
            </a:r>
            <a:r>
              <a:rPr lang="en-GB" sz="1200" dirty="0">
                <a:solidFill>
                  <a:schemeClr val="tx2"/>
                </a:solidFill>
                <a:latin typeface="Arial"/>
              </a:rPr>
              <a:t>$1,100mm</a:t>
            </a:r>
          </a:p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sz="1200" b="0" i="0" dirty="0">
                <a:solidFill>
                  <a:schemeClr val="tx2"/>
                </a:solidFill>
                <a:latin typeface="Arial"/>
              </a:rPr>
              <a:t>50% gross margin</a:t>
            </a:r>
          </a:p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GB" sz="1200" dirty="0">
                <a:solidFill>
                  <a:schemeClr val="tx2"/>
                </a:solidFill>
                <a:latin typeface="Arial"/>
              </a:rPr>
              <a:t>Expected to revert initial forecasted </a:t>
            </a:r>
            <a:r>
              <a:rPr lang="en-GB" sz="1200" dirty="0" err="1">
                <a:solidFill>
                  <a:schemeClr val="tx2"/>
                </a:solidFill>
                <a:latin typeface="Arial"/>
              </a:rPr>
              <a:t>sasles</a:t>
            </a:r>
            <a:r>
              <a:rPr lang="en-GB" sz="1200" dirty="0">
                <a:solidFill>
                  <a:schemeClr val="tx2"/>
                </a:solidFill>
                <a:latin typeface="Arial"/>
              </a:rPr>
              <a:t> of FY22 and thereafter.</a:t>
            </a:r>
            <a:endParaRPr lang="en-GB" sz="1200" b="0" i="0" dirty="0">
              <a:solidFill>
                <a:schemeClr val="tx2"/>
              </a:solidFill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106</TotalTime>
  <Words>321</Words>
  <Application>Microsoft Office PowerPoint</Application>
  <PresentationFormat>Custom</PresentationFormat>
  <Paragraphs>63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7" baseType="lpstr">
      <vt:lpstr>Arial</vt:lpstr>
      <vt:lpstr>Arial Narrow</vt:lpstr>
      <vt:lpstr>Calibr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Michael Ishak</cp:lastModifiedBy>
  <cp:revision>881</cp:revision>
  <cp:lastPrinted>2020-01-28T09:55:08Z</cp:lastPrinted>
  <dcterms:created xsi:type="dcterms:W3CDTF">2015-06-19T14:55:37Z</dcterms:created>
  <dcterms:modified xsi:type="dcterms:W3CDTF">2022-08-01T21:49:33Z</dcterms:modified>
</cp:coreProperties>
</file>